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r>
        <w:rPr>
          <w:rFonts w:ascii="Calibri" w:eastAsiaTheme="minorHAnsi" w:hAnsi="Calibri"/>
          <w:sz w:val="22"/>
          <w:szCs w:val="22"/>
        </w:rPr>
        <w:t>$:</w:t>
      </w:r>
      <w:r>
        <w:t xml:space="preserve">Supplier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r>
        <w:rPr>
          <w:rFonts w:ascii="Calibri" w:eastAsiaTheme="minorHAnsi" w:hAnsi="Calibri"/>
          <w:sz w:val="22"/>
          <w:szCs w:val="22"/>
        </w:rPr>
        <w:t xml:space="preserve">$:Previous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DATE:MMMM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is page (“Cover Sheet”);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Terms and Conditions below;</w:t>
      </w:r>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Addresses and contacts for notices</w:t>
      </w:r>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Mojang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Mårtensson</w:t>
            </w:r>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r w:rsidRPr="00883375">
              <w:rPr>
                <w:rFonts w:ascii="Calibri" w:hAnsi="Calibri"/>
                <w:sz w:val="22"/>
                <w:szCs w:val="22"/>
              </w:rPr>
              <w:t>$:</w:t>
            </w:r>
            <w:r w:rsidRPr="00883375">
              <w:rPr>
                <w:rFonts w:eastAsia="Arial Unicode MS"/>
                <w:bdr w:val="none" w:sz="0" w:space="0" w:color="auto" w:frame="1"/>
              </w:rPr>
              <w:t xml:space="preserve">Supplier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Brynolf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600 | $:Mojang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r w:rsidRPr="00883375">
              <w:rPr>
                <w:rFonts w:ascii="Calibri" w:hAnsi="Calibri" w:cs="Calibri"/>
                <w:sz w:val="22"/>
                <w:szCs w:val="22"/>
              </w:rPr>
              <w:t xml:space="preserve">Söder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r w:rsidRPr="00883375">
              <w:rPr>
                <w:rFonts w:ascii="Calibri" w:hAnsi="Calibri"/>
                <w:sz w:val="22"/>
                <w:szCs w:val="22"/>
              </w:rPr>
              <w:t>$:Supplier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700 | $:Mojang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r w:rsidRPr="00883375">
              <w:rPr>
                <w:rFonts w:ascii="Calibri" w:hAnsi="Calibri"/>
                <w:sz w:val="22"/>
                <w:szCs w:val="22"/>
              </w:rPr>
              <w:t xml:space="preserve">$:Supplier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r w:rsidRPr="00883375">
              <w:rPr>
                <w:rFonts w:ascii="Calibri" w:hAnsi="Calibri"/>
                <w:sz w:val="22"/>
                <w:szCs w:val="22"/>
              </w:rPr>
              <w:t xml:space="preserve">$:Mojang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r w:rsidRPr="00883375">
              <w:rPr>
                <w:rFonts w:ascii="Calibri" w:hAnsi="Calibri"/>
                <w:sz w:val="22"/>
                <w:szCs w:val="22"/>
              </w:rPr>
              <w:t xml:space="preserve">$:Supplier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Select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r w:rsidRPr="00883375">
              <w:rPr>
                <w:rFonts w:ascii="Calibri" w:hAnsi="Calibri"/>
                <w:sz w:val="22"/>
                <w:szCs w:val="22"/>
              </w:rPr>
              <w:t>$:Supplier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r w:rsidRPr="00883375">
              <w:rPr>
                <w:rFonts w:ascii="Calibri" w:hAnsi="Calibri"/>
                <w:sz w:val="22"/>
                <w:szCs w:val="22"/>
              </w:rPr>
              <w:t xml:space="preserve">$:Mojang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Agreed and accepted</w:t>
      </w:r>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The purpose of this Amendment is to amend and supplement the terms and conditions set forth in the SOW by incorporating the additional provisions set forth below, and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DATE:MMMM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DATE:MMMM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r w:rsidR="00695814" w14:paraId="6B94792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E7A0B8" w14:textId="77777777" w:rsidR="00695814" w:rsidRDefault="00695814" w:rsidP="00F76AF8">
            <w:pPr>
              <w:jc w:val="center"/>
            </w:pPr>
            <w:r>
              <w:rPr>
                <w:rFonts w:ascii="Calibri" w:eastAsia="Calibri" w:hAnsi="Calibri" w:cs="Calibri"/>
                <w:b/>
                <w:sz w:val="22"/>
                <w:szCs w:val="22"/>
              </w:rPr>
              <w:lastRenderedPageBreak/>
              <w:t>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000DA81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6F6F7FD" w14:textId="77777777" w:rsidR="00695814" w:rsidRDefault="00695814" w:rsidP="00F76AF8">
            <w:pPr>
              <w:ind w:right="72"/>
            </w:pPr>
            <w:r w:rsidRPr="00911827">
              <w:t>{[</w:t>
            </w:r>
            <w:r>
              <w:t>#:</w:t>
            </w:r>
            <w:r w:rsidRPr="00CA53B0">
              <w:rPr>
                <w:highlight w:val="lightGray"/>
              </w:rPr>
              <w:t>1601</w:t>
            </w:r>
            <w:r>
              <w:t>|$: Milestone02StartDate</w:t>
            </w:r>
            <w:r w:rsidRPr="00E148C9">
              <w:t xml:space="preserve"> |</w:t>
            </w:r>
            <w:r>
              <w:t xml:space="preserve"> </w:t>
            </w:r>
            <w:r w:rsidRPr="002B1198">
              <w:t>NoUserInput</w:t>
            </w:r>
            <w:r>
              <w:t xml:space="preserve"> | </w:t>
            </w:r>
            <w:r w:rsidRPr="00CA53B0">
              <w:rPr>
                <w:highlight w:val="lightGray"/>
              </w:rPr>
              <w:t>NoOutput</w:t>
            </w:r>
            <w:r>
              <w:t xml:space="preserve"> | DATE:MMMM d, yyyy </w:t>
            </w:r>
            <w:r w:rsidRPr="0086479D">
              <w:t>|</w:t>
            </w:r>
            <w:r>
              <w:t xml:space="preserve"> CopyFromArgument:</w:t>
            </w:r>
            <w:r w:rsidRPr="00E148C9">
              <w:rPr>
                <w:rFonts w:eastAsia="Calibri"/>
              </w:rPr>
              <w:t xml:space="preserve"> </w:t>
            </w:r>
            <w:r>
              <w:rPr>
                <w:rFonts w:eastAsia="Calibri"/>
                <w:bCs/>
              </w:rPr>
              <w:t>Milestone01DueDate</w:t>
            </w:r>
            <w:r>
              <w:t xml:space="preserve"> |AddDays:1]}</w:t>
            </w:r>
            <w:r w:rsidRPr="00911827">
              <w:t>{[</w:t>
            </w:r>
            <w:r>
              <w:t>#:</w:t>
            </w:r>
            <w:r w:rsidRPr="00CA53B0">
              <w:rPr>
                <w:highlight w:val="lightGray"/>
              </w:rPr>
              <w:t>160</w:t>
            </w:r>
            <w:r>
              <w:rPr>
                <w:highlight w:val="lightGray"/>
              </w:rPr>
              <w:t>2</w:t>
            </w:r>
            <w:r>
              <w:t xml:space="preserve">|$: </w:t>
            </w:r>
            <w:r>
              <w:rPr>
                <w:rFonts w:ascii="Calibri" w:eastAsia="Calibri" w:hAnsi="Calibri" w:cs="Calibri"/>
                <w:bCs/>
                <w:sz w:val="22"/>
                <w:szCs w:val="22"/>
              </w:rPr>
              <w:t xml:space="preserve">Milestone02DueDate </w:t>
            </w:r>
            <w:r w:rsidRPr="00E148C9">
              <w:t>|</w:t>
            </w:r>
            <w:r>
              <w:t xml:space="preserve"> </w:t>
            </w:r>
            <w:r w:rsidRPr="002B1198">
              <w:t>NoUserInput</w:t>
            </w:r>
            <w:r>
              <w:t xml:space="preserve"> |DATE:MMMM d, yyyy</w:t>
            </w:r>
            <w:r w:rsidRPr="0086479D">
              <w:t>|</w:t>
            </w:r>
            <w:r>
              <w:t xml:space="preserve"> CopyFromArgument:</w:t>
            </w:r>
            <w:r w:rsidRPr="00E148C9">
              <w:rPr>
                <w:rFonts w:eastAsia="Calibri"/>
              </w:rPr>
              <w:t xml:space="preserve"> </w:t>
            </w:r>
            <w:r>
              <w:t xml:space="preserve">Milestone02StartDate | </w:t>
            </w:r>
            <w:r>
              <w:lastRenderedPageBreak/>
              <w:t xml:space="preserve">EndOfMonth]} </w:t>
            </w:r>
            <w:r w:rsidRPr="00E148C9">
              <w:t>{[</w:t>
            </w:r>
            <w:r>
              <w:t>#:</w:t>
            </w:r>
            <w:r w:rsidRPr="00CA53B0">
              <w:rPr>
                <w:highlight w:val="lightGray"/>
              </w:rPr>
              <w:t>1603</w:t>
            </w:r>
            <w:r>
              <w:t>|</w:t>
            </w:r>
            <w:r w:rsidRPr="00E148C9">
              <w:t xml:space="preserve">$: </w:t>
            </w:r>
            <w:r>
              <w:rPr>
                <w:rFonts w:eastAsia="Calibri"/>
                <w:bCs/>
              </w:rPr>
              <w:t>Milestone02workdays</w:t>
            </w:r>
            <w:r>
              <w:t xml:space="preserve"> </w:t>
            </w:r>
            <w:r w:rsidRPr="00E148C9">
              <w:t>|</w:t>
            </w:r>
            <w:r>
              <w:t xml:space="preserve"> </w:t>
            </w:r>
            <w:r w:rsidRPr="002B1198">
              <w:t>NoUserInput</w:t>
            </w:r>
            <w:r>
              <w:t xml:space="preserve"> | </w:t>
            </w:r>
            <w:r w:rsidRPr="00CA53B0">
              <w:rPr>
                <w:highlight w:val="lightGray"/>
              </w:rPr>
              <w:t>NoOutput</w:t>
            </w:r>
            <w:r>
              <w:t xml:space="preserve"> </w:t>
            </w:r>
            <w:r w:rsidRPr="00E148C9">
              <w:rPr>
                <w:rFonts w:eastAsia="Calibri"/>
              </w:rPr>
              <w:t>|</w:t>
            </w:r>
            <w:r>
              <w:rPr>
                <w:rFonts w:eastAsia="Calibri"/>
              </w:rPr>
              <w:t xml:space="preserve"> </w:t>
            </w:r>
            <w:r w:rsidRPr="00E148C9">
              <w:rPr>
                <w:rFonts w:eastAsia="Calibri"/>
              </w:rPr>
              <w:t xml:space="preserve">WorkDaysStart: </w:t>
            </w:r>
            <w:r>
              <w:t>Milestone02StartDate</w:t>
            </w:r>
            <w:r w:rsidRPr="00E148C9">
              <w:rPr>
                <w:rFonts w:eastAsia="Calibri"/>
              </w:rPr>
              <w:t xml:space="preserve"> |WorkDaysEnd: </w:t>
            </w:r>
            <w:r>
              <w:rPr>
                <w:rFonts w:eastAsia="Calibri"/>
                <w:bCs/>
              </w:rPr>
              <w:t>Milestone02DueDate</w:t>
            </w:r>
            <w:r w:rsidRPr="00E148C9">
              <w:t>]</w:t>
            </w:r>
            <w:r w:rsidRPr="00E148C9">
              <w:rPr>
                <w:rFonts w:eastAsia="Calibri"/>
              </w:rPr>
              <w:t>}</w:t>
            </w:r>
          </w:p>
        </w:tc>
      </w:tr>
      <w:tr w:rsidR="00695814" w14:paraId="40F75F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9F7D4C2"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3</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A9F45C"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A105E1D" w14:textId="77777777" w:rsidR="00695814" w:rsidRDefault="00695814" w:rsidP="00F76AF8">
            <w:pPr>
              <w:ind w:right="72"/>
            </w:pPr>
            <w:r w:rsidRPr="004913BF">
              <w:t xml:space="preserve">{[#:1701|$: Milestone03StartDate | NoUserInput | NoOutput | DATE:MMMM d, yyyy | CopyFromArgument: Milestone02DueDate |AddDays:1]}{[#:1702|$: Milestone03DueDate | NoUserInput |DATE:MMMM d, yyyy| CopyFromArgument: Milestone03StartDate | EndOfMonth]}{[#:1703|$: Milestone03workdays | NoUserInput | NoOutput | WorkDaysStart: Milestone03StartDate |WorkDaysEnd: </w:t>
            </w:r>
            <w:r w:rsidRPr="004913BF">
              <w:lastRenderedPageBreak/>
              <w:t>Milestone03DueDate]}</w:t>
            </w:r>
          </w:p>
        </w:tc>
      </w:tr>
      <w:tr w:rsidR="00695814" w14:paraId="6725B85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D1A2021"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lastRenderedPageBreak/>
              <w:t>4</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E4F85C1" w14:textId="77777777" w:rsidR="00695814" w:rsidRDefault="00695814" w:rsidP="00F76AF8">
            <w:pPr>
              <w:pBdr>
                <w:top w:val="nil"/>
                <w:left w:val="nil"/>
                <w:bottom w:val="nil"/>
                <w:right w:val="nil"/>
                <w:between w:val="nil"/>
              </w:pBdr>
              <w:ind w:right="72"/>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BCB0903" w14:textId="77777777" w:rsidR="00695814" w:rsidRDefault="00695814" w:rsidP="00F76AF8">
            <w:pPr>
              <w:ind w:right="72"/>
            </w:pPr>
            <w:r w:rsidRPr="004403A1">
              <w:rPr>
                <w:rFonts w:ascii="Calibri" w:eastAsia="Calibri" w:hAnsi="Calibri" w:cs="Calibri"/>
                <w:sz w:val="22"/>
                <w:szCs w:val="22"/>
              </w:rPr>
              <w:t>{[#:1801|$: Milestone04StartDate | NoUserInput | NoOutput | DATE:MMMM d, yyyy | CopyFromArgument: Milestone03DueDate |AddDays:1]}{[#:1802|$: Milestone04DueDate | NoUserInput |DATE:MMMM d, yyyy| CopyFromArgument: Milestone04StartDate | EndOfMonth]}{[#:1803|$: Milestone04workdays | NoUserInput | NoOutput | WorkDaysStart: Milestone04StartDate |WorkDaysEnd: Milestone04DueDate]}</w:t>
            </w:r>
          </w:p>
        </w:tc>
      </w:tr>
      <w:tr w:rsidR="00695814" w14:paraId="40C6C84C"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D1EC6CA"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5</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10BD08A8" w14:textId="77777777" w:rsidR="00695814" w:rsidRDefault="00695814" w:rsidP="00F76AF8">
            <w:pPr>
              <w:ind w:right="72"/>
              <w:rPr>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F01BD45" w14:textId="77777777" w:rsidR="00695814" w:rsidRDefault="00695814" w:rsidP="00F76AF8">
            <w:pPr>
              <w:ind w:right="72"/>
              <w:rPr>
                <w:rFonts w:ascii="Calibri" w:eastAsia="Calibri" w:hAnsi="Calibri" w:cs="Calibri"/>
                <w:sz w:val="22"/>
                <w:szCs w:val="22"/>
              </w:rPr>
            </w:pPr>
            <w:r w:rsidRPr="004403A1">
              <w:rPr>
                <w:rFonts w:ascii="Calibri" w:eastAsia="Calibri" w:hAnsi="Calibri" w:cs="Calibri"/>
                <w:sz w:val="22"/>
                <w:szCs w:val="22"/>
              </w:rPr>
              <w:t>{[#:1901|$: Milestone05StartDate | NoUserInput | NoOutput | DATE:MMMM d, yyyy | CopyFromArgument: Milestone04Due</w:t>
            </w:r>
            <w:r w:rsidRPr="004403A1">
              <w:rPr>
                <w:rFonts w:ascii="Calibri" w:eastAsia="Calibri" w:hAnsi="Calibri" w:cs="Calibri"/>
                <w:sz w:val="22"/>
                <w:szCs w:val="22"/>
              </w:rPr>
              <w:lastRenderedPageBreak/>
              <w:t>Date |AddDays:1]}{[#:1902|$: Milestone05DueDate | NoUserInput |DATE:MMMM d, yyyy| CopyFromArgument: Milestone05StartDate | EndOfMonth]}{[#:1903|$: Milestone05workdays | NoUserInput | NoOutput | WorkDaysStart: Milestone05StartDate |WorkDaysEnd: Milestone05DueDate]}</w:t>
            </w:r>
          </w:p>
        </w:tc>
      </w:tr>
      <w:tr w:rsidR="00695814" w14:paraId="5FB2D963"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4FEE95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24AB7B9"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67771D7B"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001|$: Milestone06StartDate | NoUserInput | NoOutput | DATE:MMMM d, yyyy | CopyFromArgument: Milestone05DueDate |AddDays:1]}{[#:2002|$: Milestone06DueDate | NoUserInput |DATE:MMMM d, yyyy| CopyFromArgument: Milestone06StartDate | </w:t>
            </w:r>
            <w:r w:rsidRPr="00442BDB">
              <w:rPr>
                <w:rFonts w:ascii="Calibri" w:eastAsia="Calibri" w:hAnsi="Calibri" w:cs="Calibri"/>
                <w:sz w:val="22"/>
                <w:szCs w:val="22"/>
              </w:rPr>
              <w:lastRenderedPageBreak/>
              <w:t>EndOfMonth]}{[#:2003|$: Milestone06workdays | NoUserInput | NoOutput | WorkDaysStart: Milestone06StartDate |WorkDaysEnd: Milestone06DueDate]}</w:t>
            </w:r>
          </w:p>
        </w:tc>
      </w:tr>
      <w:tr w:rsidR="00695814" w14:paraId="6F5C5C94"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B4AA5C5"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7</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9C66B9B"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1AE8A9"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101|$: Milestone07StartDate | NoUserInput | NoOutput | DATE:MMMM d, yyyy | CopyFromArgument: Milestone06DueDate |AddDays:1]}{[#:2102|$: Milestone07DueDate | NoUserInput |DATE:MMMM d, yyyy| CopyFromArgument: Milestone07StartDate | EndOfMonth]}{[#:2103|$: Milestone07workdays | NoUserInput | NoOutput | WorkDaysStart: Milestone07StartDate |WorkDaysEnd: Milestone07DueDate]}</w:t>
            </w:r>
          </w:p>
        </w:tc>
      </w:tr>
      <w:tr w:rsidR="00695814" w14:paraId="0D0CCA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5589B04"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33FCF0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1F632EE"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201|$: Milestone08StartDate | NoUserInput | NoOutput | DATE:MMMM d, yyyy | CopyFromArgument: Milestone07DueDate |AddDays:1]}{[#:2202|$: Milestone08DueDate | NoUserInput |DATE:MMMM d, yyyy| CopyFromArgument: Milestone08StartDate | EndOfMonth]}{[#:2203|$: Milestone08workdays | NoUserInput | NoOutput | WorkDaysStart: Milestone08StartDate |WorkDaysEnd: Milestone08DueDate]}</w:t>
            </w:r>
          </w:p>
        </w:tc>
      </w:tr>
      <w:tr w:rsidR="00695814" w14:paraId="2EF4DC08"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3EB4E19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9</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3C3FFF87"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E3AC06C"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301|$: Milestone09StartDate | NoUserInput | NoOutput | DATE:MMMM d, yyyy | CopyFromArgument: Milestone08DueDate |AddDays:1]}{[#:</w:t>
            </w:r>
            <w:r w:rsidRPr="00442BDB">
              <w:rPr>
                <w:rFonts w:ascii="Calibri" w:eastAsia="Calibri" w:hAnsi="Calibri" w:cs="Calibri"/>
                <w:sz w:val="22"/>
                <w:szCs w:val="22"/>
              </w:rPr>
              <w:lastRenderedPageBreak/>
              <w:t>2302|$: Milestone09DueDate | NoUserInput |DATE:MMMM d, yyyy| CopyFromArgument: Milestone09StartDate | EndOfMonth]}{[#:2303|$: Milestone09workdays | NoUserInput | NoOutput | WorkDaysStart: Milestone09StartDate |WorkDaysEnd: Milestone09DueDate]}</w:t>
            </w:r>
          </w:p>
        </w:tc>
      </w:tr>
      <w:tr w:rsidR="00695814" w14:paraId="73E80B9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02A9EEDC"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0</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4C3D1A21"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F204446"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 xml:space="preserve">{[#:2401|$: Milestone10StartDate | NoUserInput | NoOutput | DATE:MMMM d, yyyy | CopyFromArgument: Milestone09DueDate |AddDays:1]}{[#:2402|$: Milestone10DueDate | NoUserInput |DATE:MMMM d, yyyy| CopyFromArgument: Milestone10StartDate | EndOfMonth]}{[#:2403|$: </w:t>
            </w:r>
            <w:r w:rsidRPr="00442BDB">
              <w:rPr>
                <w:rFonts w:ascii="Calibri" w:eastAsia="Calibri" w:hAnsi="Calibri" w:cs="Calibri"/>
                <w:sz w:val="22"/>
                <w:szCs w:val="22"/>
              </w:rPr>
              <w:lastRenderedPageBreak/>
              <w:t>Milestone10workdays | NoUserInput | NoOutput | WorkDaysStart: Milestone10StartDate |WorkDaysEnd: Milestone10DueDate]}</w:t>
            </w:r>
          </w:p>
        </w:tc>
      </w:tr>
      <w:tr w:rsidR="00695814" w14:paraId="177E764A"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810A739"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lastRenderedPageBreak/>
              <w:t>1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1EBFEC4"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75995C7F"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501|$: Milestone11StartDate | NoUserInput | NoOutput | DATE:MMMM d, yyyy | CopyFromArgument: Milestone10DueDate |AddDays:1]}{[#:2502|$: Milestone11DueDate | NoUserInput |DATE:MMMM d, yyyy| CopyFromArgument: Milestone11StartDate | EndOfMonth]}{[#:2503|$: Milestone11workdays | NoUserInput | NoOutput | WorkDaysStart: Milestone11StartDate |WorkDaysEnd: Milestone11DueDate]}</w:t>
            </w:r>
          </w:p>
        </w:tc>
      </w:tr>
      <w:tr w:rsidR="00695814" w14:paraId="3D627A86"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98CBBFD" w14:textId="77777777" w:rsidR="00695814" w:rsidRDefault="00695814" w:rsidP="00F76AF8">
            <w:pPr>
              <w:pBdr>
                <w:top w:val="nil"/>
                <w:left w:val="nil"/>
                <w:bottom w:val="nil"/>
                <w:right w:val="nil"/>
                <w:between w:val="nil"/>
              </w:pBdr>
              <w:jc w:val="center"/>
              <w:rPr>
                <w:rFonts w:ascii="Calibri" w:eastAsia="Calibri" w:hAnsi="Calibri" w:cs="Calibri"/>
                <w:b/>
                <w:sz w:val="22"/>
                <w:szCs w:val="22"/>
              </w:rPr>
            </w:pPr>
            <w:r>
              <w:rPr>
                <w:rFonts w:ascii="Calibri" w:eastAsia="Calibri" w:hAnsi="Calibri" w:cs="Calibri"/>
                <w:b/>
                <w:sz w:val="22"/>
                <w:szCs w:val="22"/>
              </w:rPr>
              <w:t>12</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714C136" w14:textId="77777777" w:rsidR="00695814" w:rsidRDefault="00695814" w:rsidP="00F76AF8">
            <w:pPr>
              <w:ind w:right="72"/>
              <w:rPr>
                <w:rFonts w:ascii="Calibri" w:eastAsia="Calibri" w:hAnsi="Calibri" w:cs="Calibri"/>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52450876" w14:textId="77777777" w:rsidR="00695814" w:rsidRPr="004403A1" w:rsidRDefault="00695814" w:rsidP="00F76AF8">
            <w:pPr>
              <w:ind w:right="72"/>
              <w:rPr>
                <w:rFonts w:ascii="Calibri" w:eastAsia="Calibri" w:hAnsi="Calibri" w:cs="Calibri"/>
                <w:sz w:val="22"/>
                <w:szCs w:val="22"/>
              </w:rPr>
            </w:pPr>
            <w:r w:rsidRPr="00442BDB">
              <w:rPr>
                <w:rFonts w:ascii="Calibri" w:eastAsia="Calibri" w:hAnsi="Calibri" w:cs="Calibri"/>
                <w:sz w:val="22"/>
                <w:szCs w:val="22"/>
              </w:rPr>
              <w:t>{[#:2601|$: Milestone12Start</w:t>
            </w:r>
            <w:r w:rsidRPr="00442BDB">
              <w:rPr>
                <w:rFonts w:ascii="Calibri" w:eastAsia="Calibri" w:hAnsi="Calibri" w:cs="Calibri"/>
                <w:sz w:val="22"/>
                <w:szCs w:val="22"/>
              </w:rPr>
              <w:lastRenderedPageBreak/>
              <w:t>Date | NoUserInput | NoOutput | DATE:MMMM d, yyyy | CopyFromArgument: Milestone11DueDate |AddDays:1]}{[#:2602|$: Milestone12DueDate | NoUserInput |DATE:MMMM d, yyyy| CopyFromArgument: Milestone12StartDate | EndOfMonth]}{[#:2603|$: Milestone12workdays | NoUserInput | NoOutput | WorkDaysStart: Milestone12StartDate |WorkDaysEnd: Milestone12DueDate]}</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PayPerDay|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 xml:space="preserve">#:2800|$:Max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5C522FB9"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82CF9F2"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07D75C1" w14:textId="77777777" w:rsidR="00695814" w:rsidRPr="00297EE8" w:rsidRDefault="00695814" w:rsidP="00F76AF8">
            <w:pPr>
              <w:jc w:val="center"/>
            </w:pPr>
            <w:r w:rsidRPr="00297EE8">
              <w:t>{[</w:t>
            </w:r>
            <w:r>
              <w:t>#:</w:t>
            </w:r>
            <w:r w:rsidRPr="00C51BD9">
              <w:rPr>
                <w:highlight w:val="lightGray"/>
              </w:rPr>
              <w:t>1600</w:t>
            </w:r>
            <w:r>
              <w:t>|</w:t>
            </w:r>
            <w:r w:rsidRPr="00297EE8">
              <w:t xml:space="preserve">$: </w:t>
            </w:r>
            <w:r w:rsidRPr="002F79B0">
              <w:rPr>
                <w:szCs w:val="22"/>
                <w:highlight w:val="cyan"/>
              </w:rPr>
              <w:t>Milestone 2 name</w:t>
            </w:r>
            <w:r w:rsidRPr="00297EE8">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2StartDate]} </w:t>
            </w:r>
            <w:r>
              <w:rPr>
                <w:rFonts w:ascii="Calibri" w:hAnsi="Calibri" w:cs="Calibri"/>
                <w:color w:val="000000"/>
                <w:sz w:val="22"/>
                <w:szCs w:val="22"/>
                <w:highlight w:val="green"/>
              </w:rPr>
              <w:t>Month</w:t>
            </w:r>
            <w:r w:rsidRPr="00982231">
              <w:rPr>
                <w:rFonts w:ascii="Calibri" w:hAnsi="Calibri" w:cs="Calibri"/>
                <w:color w:val="000000"/>
                <w:sz w:val="22"/>
                <w:szCs w:val="22"/>
                <w:highlight w:val="green"/>
              </w:rPr>
              <w:t xml:space="preserve"> Services</w:t>
            </w:r>
          </w:p>
          <w:p w14:paraId="481B59D6" w14:textId="77777777" w:rsidR="00695814" w:rsidRDefault="00695814" w:rsidP="00F76AF8">
            <w:pPr>
              <w:widowControl w:val="0"/>
              <w:spacing w:line="276" w:lineRule="auto"/>
              <w:rPr>
                <w:rFonts w:ascii="Arial" w:eastAsia="Arial" w:hAnsi="Arial" w:cs="Arial"/>
                <w:sz w:val="20"/>
                <w:szCs w:val="20"/>
              </w:rPr>
            </w:pPr>
            <w:r w:rsidRPr="00297EE8">
              <w:rPr>
                <w:rFonts w:ascii="Calibri" w:eastAsia="Calibri" w:hAnsi="Calibri" w:cs="Calibri"/>
                <w:sz w:val="22"/>
                <w:szCs w:val="22"/>
              </w:rPr>
              <w:t xml:space="preserve"> {[</w:t>
            </w:r>
            <w:r>
              <w:rPr>
                <w:rFonts w:ascii="Calibri" w:eastAsia="Calibri" w:hAnsi="Calibri" w:cs="Calibri"/>
                <w:sz w:val="22"/>
                <w:szCs w:val="22"/>
              </w:rPr>
              <w:t>#:</w:t>
            </w:r>
            <w:r w:rsidRPr="00C51BD9">
              <w:rPr>
                <w:rFonts w:ascii="Calibri" w:eastAsia="Calibri" w:hAnsi="Calibri" w:cs="Calibri"/>
                <w:sz w:val="22"/>
                <w:szCs w:val="22"/>
                <w:highlight w:val="lightGray"/>
              </w:rPr>
              <w:t>1605</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szCs w:val="22"/>
                <w:highlight w:val="cyan"/>
              </w:rPr>
              <w:t xml:space="preserve">Milestone 2 </w:t>
            </w:r>
            <w:r w:rsidRPr="002F79B0">
              <w:rPr>
                <w:rFonts w:ascii="Calibri" w:eastAsia="Calibri" w:hAnsi="Calibri" w:cs="Calibri"/>
                <w:highlight w:val="cyan"/>
              </w:rPr>
              <w:t>Service Fee</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hAnsi="Calibri" w:cs="Calibri"/>
              </w:rPr>
              <w:t>NUM</w:t>
            </w:r>
            <w:r w:rsidRPr="00297EE8">
              <w:rPr>
                <w:rFonts w:ascii="Calibri" w:eastAsia="Calibri" w:hAnsi="Calibri" w:cs="Calibri"/>
              </w:rPr>
              <w:t>|MULTIPLICATION |</w:t>
            </w:r>
            <w:r w:rsidRPr="00297EE8">
              <w:rPr>
                <w:rFonts w:ascii="Consolas" w:hAnsi="Consolas" w:cs="Consolas"/>
                <w:sz w:val="19"/>
                <w:szCs w:val="19"/>
              </w:rPr>
              <w:t xml:space="preserve"> </w:t>
            </w:r>
            <w:r w:rsidRPr="00297EE8">
              <w:rPr>
                <w:rFonts w:ascii="Consolas" w:hAnsi="Consolas" w:cs="Consolas"/>
                <w:sz w:val="19"/>
                <w:szCs w:val="19"/>
              </w:rPr>
              <w:lastRenderedPageBreak/>
              <w:t>ThousandSeparated</w:t>
            </w:r>
            <w:r w:rsidRPr="00297EE8">
              <w:t xml:space="preserve"> </w:t>
            </w:r>
            <w:r w:rsidRPr="00297EE8">
              <w:rPr>
                <w:rFonts w:ascii="Calibri" w:eastAsia="Calibri" w:hAnsi="Calibri" w:cs="Calibri"/>
              </w:rPr>
              <w:t>|</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bCs/>
                <w:szCs w:val="22"/>
              </w:rPr>
              <w:t>SEK/Hour</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sidRPr="00297EE8">
              <w:rPr>
                <w:rFonts w:ascii="Calibri" w:eastAsia="Calibri" w:hAnsi="Calibri" w:cs="Calibri"/>
                <w:sz w:val="22"/>
                <w:szCs w:val="22"/>
              </w:rPr>
              <w:t xml:space="preserve">Milesstone 2 </w:t>
            </w:r>
            <w:r w:rsidRPr="00297EE8">
              <w:rPr>
                <w:rFonts w:ascii="Calibri" w:eastAsia="Calibri" w:hAnsi="Calibri" w:cs="Calibri"/>
              </w:rPr>
              <w:t>Hours Worked</w:t>
            </w:r>
            <w:r w:rsidRPr="00297EE8">
              <w:t xml:space="preserve"> |COMMENT:</w:t>
            </w:r>
            <w:r w:rsidRPr="00982231">
              <w:rPr>
                <w:rFonts w:ascii="Calibri" w:hAnsi="Calibri" w:cs="Calibri"/>
                <w:color w:val="000000"/>
                <w:sz w:val="22"/>
                <w:szCs w:val="22"/>
                <w:highlight w:val="green"/>
              </w:rPr>
              <w:t>53,200</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SEK</w:t>
            </w:r>
            <w:r w:rsidRPr="00297EE8">
              <w:rPr>
                <w:rFonts w:ascii="Calibri" w:hAnsi="Calibri" w:cs="Calibri"/>
                <w:color w:val="000000"/>
                <w:sz w:val="22"/>
                <w:szCs w:val="22"/>
              </w:rPr>
              <w:br/>
              <w:t>(</w:t>
            </w:r>
            <w:r w:rsidRPr="00297EE8">
              <w:t>{[</w:t>
            </w:r>
            <w:r>
              <w:t>#:</w:t>
            </w:r>
            <w:r w:rsidRPr="00C51BD9">
              <w:rPr>
                <w:highlight w:val="lightGray"/>
              </w:rPr>
              <w:t>1699</w:t>
            </w:r>
            <w:r w:rsidRPr="00297EE8">
              <w:t>|</w:t>
            </w:r>
            <w:r w:rsidRPr="00C51BD9">
              <w:rPr>
                <w:highlight w:val="lightGray"/>
              </w:rPr>
              <w:t>INVISIBLE</w:t>
            </w:r>
            <w:r>
              <w:t xml:space="preserve"> |</w:t>
            </w:r>
            <w:r w:rsidRPr="00297EE8">
              <w:t>CopyFromArgument:</w:t>
            </w:r>
            <w:r w:rsidRPr="00297EE8">
              <w:rPr>
                <w:rFonts w:ascii="Calibri" w:eastAsia="Calibri" w:hAnsi="Calibri" w:cs="Calibri"/>
                <w:bCs/>
                <w:sz w:val="22"/>
                <w:szCs w:val="22"/>
              </w:rPr>
              <w:t xml:space="preserve"> </w:t>
            </w:r>
            <w:r w:rsidRPr="00297EE8">
              <w:rPr>
                <w:bCs/>
                <w:szCs w:val="22"/>
              </w:rPr>
              <w:t>SEK/Hour</w:t>
            </w:r>
            <w:r w:rsidRPr="00297EE8">
              <w:t xml:space="preserve"> |COMMENT:</w:t>
            </w:r>
            <w:r w:rsidRPr="00297EE8">
              <w:rPr>
                <w:rFonts w:ascii="Calibri" w:eastAsia="Calibri" w:hAnsi="Calibri" w:cs="Calibri"/>
                <w:sz w:val="22"/>
                <w:szCs w:val="22"/>
              </w:rPr>
              <w:t xml:space="preserve"> </w:t>
            </w:r>
            <w:r w:rsidRPr="00982231">
              <w:rPr>
                <w:rFonts w:ascii="Calibri" w:eastAsia="Calibri" w:hAnsi="Calibri" w:cs="Calibri"/>
                <w:sz w:val="22"/>
                <w:szCs w:val="22"/>
                <w:highlight w:val="green"/>
              </w:rPr>
              <w:t>350</w:t>
            </w:r>
            <w:r w:rsidRPr="00297EE8">
              <w:rPr>
                <w:rFonts w:eastAsiaTheme="minorHAnsi"/>
                <w:bCs/>
              </w:rPr>
              <w:t>]}</w:t>
            </w:r>
            <w:r w:rsidRPr="00297EE8">
              <w:rPr>
                <w:rFonts w:ascii="Calibri" w:hAnsi="Calibri" w:cs="Calibri"/>
                <w:color w:val="000000"/>
                <w:sz w:val="22"/>
                <w:szCs w:val="22"/>
              </w:rPr>
              <w:t xml:space="preserve"> SEK/hour, </w:t>
            </w:r>
            <w:r w:rsidRPr="00297EE8">
              <w:rPr>
                <w:rFonts w:ascii="Calibri" w:eastAsia="Calibri" w:hAnsi="Calibri" w:cs="Calibri"/>
                <w:sz w:val="22"/>
                <w:szCs w:val="22"/>
              </w:rPr>
              <w:t>{[</w:t>
            </w:r>
            <w:r>
              <w:rPr>
                <w:rFonts w:ascii="Calibri" w:eastAsia="Calibri" w:hAnsi="Calibri" w:cs="Calibri"/>
                <w:sz w:val="22"/>
                <w:szCs w:val="22"/>
              </w:rPr>
              <w:t>#:</w:t>
            </w:r>
            <w:r w:rsidRPr="00C51BD9">
              <w:rPr>
                <w:rFonts w:ascii="Calibri" w:eastAsia="Calibri" w:hAnsi="Calibri" w:cs="Calibri"/>
                <w:sz w:val="22"/>
                <w:szCs w:val="22"/>
                <w:highlight w:val="lightGray"/>
              </w:rPr>
              <w:t>1604</w:t>
            </w:r>
            <w:r>
              <w:rPr>
                <w:rFonts w:ascii="Calibri" w:eastAsia="Calibri" w:hAnsi="Calibri" w:cs="Calibri"/>
                <w:sz w:val="22"/>
                <w:szCs w:val="22"/>
              </w:rPr>
              <w:t>|</w:t>
            </w:r>
            <w:r w:rsidRPr="00C51BD9">
              <w:rPr>
                <w:rFonts w:ascii="Calibri" w:eastAsia="Calibri" w:hAnsi="Calibri" w:cs="Calibri"/>
                <w:sz w:val="22"/>
                <w:szCs w:val="22"/>
                <w:highlight w:val="lightGray"/>
              </w:rPr>
              <w:t>NoUserInput</w:t>
            </w:r>
            <w:r w:rsidRPr="00297EE8">
              <w:rPr>
                <w:rFonts w:ascii="Calibri" w:eastAsia="Calibri" w:hAnsi="Calibri" w:cs="Calibri"/>
                <w:sz w:val="22"/>
                <w:szCs w:val="22"/>
              </w:rPr>
              <w:t xml:space="preserve">|$: </w:t>
            </w:r>
            <w:r w:rsidRPr="002F79B0">
              <w:rPr>
                <w:rFonts w:ascii="Calibri" w:eastAsia="Calibri" w:hAnsi="Calibri" w:cs="Calibri"/>
                <w:sz w:val="22"/>
                <w:szCs w:val="22"/>
                <w:highlight w:val="cyan"/>
              </w:rPr>
              <w:t xml:space="preserve">Milesstone 2 </w:t>
            </w:r>
            <w:r w:rsidRPr="002F79B0">
              <w:rPr>
                <w:rFonts w:ascii="Calibri" w:eastAsia="Calibri" w:hAnsi="Calibri" w:cs="Calibri"/>
                <w:highlight w:val="cyan"/>
              </w:rPr>
              <w:t>Hours Worked</w:t>
            </w:r>
            <w:r w:rsidRPr="00297EE8">
              <w:rPr>
                <w:rFonts w:ascii="Calibri" w:eastAsia="Calibri" w:hAnsi="Calibri" w:cs="Calibri"/>
              </w:rPr>
              <w:t xml:space="preserve"> </w:t>
            </w:r>
            <w:r w:rsidRPr="00297EE8">
              <w:rPr>
                <w:rFonts w:ascii="Calibri" w:eastAsia="Calibri" w:hAnsi="Calibri" w:cs="Calibri"/>
                <w:sz w:val="22"/>
                <w:szCs w:val="22"/>
              </w:rPr>
              <w:t>|</w:t>
            </w:r>
            <w:r w:rsidRPr="00297EE8">
              <w:rPr>
                <w:rFonts w:ascii="Calibri" w:eastAsia="Calibri" w:hAnsi="Calibri" w:cs="Calibri"/>
              </w:rPr>
              <w:t xml:space="preserve"> MULTIPLICATION|</w:t>
            </w:r>
            <w:r w:rsidRPr="00297EE8">
              <w:rPr>
                <w:rFonts w:ascii="Calibri" w:eastAsia="Calibri" w:hAnsi="Calibri" w:cs="Calibri"/>
                <w:sz w:val="22"/>
                <w:szCs w:val="22"/>
              </w:rPr>
              <w:t xml:space="preserve"> MathValue</w:t>
            </w:r>
            <w:r w:rsidRPr="00297EE8">
              <w:rPr>
                <w:rFonts w:ascii="Calibri" w:eastAsia="Calibri" w:hAnsi="Calibri" w:cs="Calibri"/>
              </w:rPr>
              <w:t>FromArgument1</w:t>
            </w:r>
            <w:r w:rsidRPr="00297EE8">
              <w:rPr>
                <w:rFonts w:ascii="Calibri" w:eastAsia="Calibri" w:hAnsi="Calibri" w:cs="Calibri"/>
                <w:sz w:val="22"/>
                <w:szCs w:val="22"/>
              </w:rPr>
              <w:t>:</w:t>
            </w:r>
            <w:r w:rsidRPr="00297EE8">
              <w:rPr>
                <w:rFonts w:ascii="Calibri" w:eastAsia="Calibri" w:hAnsi="Calibri" w:cs="Calibri"/>
              </w:rPr>
              <w:t xml:space="preserve"> </w:t>
            </w:r>
            <w:r w:rsidRPr="00297EE8">
              <w:rPr>
                <w:szCs w:val="22"/>
              </w:rPr>
              <w:t>Workhours per Day</w:t>
            </w:r>
            <w:r w:rsidRPr="00297EE8">
              <w:rPr>
                <w:rFonts w:ascii="Calibri" w:eastAsia="Calibri" w:hAnsi="Calibri" w:cs="Calibri"/>
              </w:rPr>
              <w:t xml:space="preserve"> |</w:t>
            </w:r>
            <w:r w:rsidRPr="00297EE8">
              <w:rPr>
                <w:rFonts w:ascii="Calibri" w:eastAsia="Calibri" w:hAnsi="Calibri" w:cs="Calibri"/>
                <w:sz w:val="22"/>
                <w:szCs w:val="22"/>
              </w:rPr>
              <w:t xml:space="preserve"> MathValue</w:t>
            </w:r>
            <w:r w:rsidRPr="00297EE8">
              <w:rPr>
                <w:rFonts w:ascii="Calibri" w:eastAsia="Calibri" w:hAnsi="Calibri" w:cs="Calibri"/>
              </w:rPr>
              <w:t>FromArgument2</w:t>
            </w:r>
            <w:r w:rsidRPr="00297EE8">
              <w:rPr>
                <w:rFonts w:ascii="Calibri" w:eastAsia="Calibri" w:hAnsi="Calibri" w:cs="Calibri"/>
                <w:sz w:val="22"/>
                <w:szCs w:val="22"/>
              </w:rPr>
              <w:t>:</w:t>
            </w:r>
            <w:r w:rsidRPr="00297EE8">
              <w:rPr>
                <w:rFonts w:ascii="Calibri" w:eastAsia="Calibri" w:hAnsi="Calibri" w:cs="Calibri"/>
              </w:rPr>
              <w:t xml:space="preserve"> </w:t>
            </w:r>
            <w:r>
              <w:rPr>
                <w:rFonts w:eastAsia="Calibri"/>
                <w:bCs/>
              </w:rPr>
              <w:t>Milestone02workdays</w:t>
            </w:r>
            <w:r w:rsidRPr="00297EE8">
              <w:t xml:space="preserve"> |COMMENT:</w:t>
            </w:r>
            <w:r w:rsidRPr="00297EE8">
              <w:rPr>
                <w:rFonts w:ascii="Calibri" w:eastAsia="Calibri" w:hAnsi="Calibri" w:cs="Calibri"/>
                <w:sz w:val="22"/>
                <w:szCs w:val="22"/>
              </w:rPr>
              <w:t xml:space="preserve"> </w:t>
            </w:r>
            <w:r w:rsidRPr="00297EE8">
              <w:rPr>
                <w:rFonts w:ascii="Calibri" w:hAnsi="Calibri" w:cs="Calibri"/>
                <w:color w:val="000000"/>
                <w:sz w:val="22"/>
                <w:szCs w:val="22"/>
              </w:rPr>
              <w:t xml:space="preserve"> </w:t>
            </w:r>
            <w:r w:rsidRPr="00982231">
              <w:rPr>
                <w:rFonts w:ascii="Calibri" w:hAnsi="Calibri" w:cs="Calibri"/>
                <w:color w:val="000000"/>
                <w:sz w:val="22"/>
                <w:szCs w:val="22"/>
                <w:highlight w:val="green"/>
              </w:rPr>
              <w:t>152</w:t>
            </w:r>
            <w:r w:rsidRPr="00297EE8">
              <w:t>]</w:t>
            </w:r>
            <w:r w:rsidRPr="00297EE8">
              <w:rPr>
                <w:rFonts w:ascii="Calibri" w:eastAsia="Calibri" w:hAnsi="Calibri" w:cs="Calibri"/>
                <w:sz w:val="22"/>
                <w:szCs w:val="22"/>
              </w:rPr>
              <w:t>}</w:t>
            </w:r>
            <w:r w:rsidRPr="00297EE8">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7C7AA1">
              <w:rPr>
                <w:rFonts w:ascii="Calibri" w:eastAsia="Calibri" w:hAnsi="Calibri" w:cs="Calibri"/>
                <w:sz w:val="22"/>
                <w:szCs w:val="22"/>
                <w:highlight w:val="lightGray"/>
              </w:rPr>
              <w:t>16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Milestone 2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1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2 </w:t>
            </w:r>
            <w:r>
              <w:rPr>
                <w:rFonts w:ascii="Calibri" w:eastAsia="Calibri" w:hAnsi="Calibri" w:cs="Calibri"/>
              </w:rPr>
              <w:t>Service Fee</w:t>
            </w:r>
            <w:r>
              <w:t>]</w:t>
            </w:r>
            <w:r w:rsidRPr="004F1E15">
              <w:rPr>
                <w:rFonts w:ascii="Calibri" w:eastAsia="Calibri" w:hAnsi="Calibri" w:cs="Calibri"/>
                <w:sz w:val="22"/>
                <w:szCs w:val="22"/>
              </w:rPr>
              <w:t>}</w:t>
            </w:r>
          </w:p>
        </w:tc>
      </w:tr>
      <w:tr w:rsidR="00695814" w14:paraId="1939B152"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7FDA2E6"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3</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85F3177"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700</w:t>
            </w:r>
            <w:r>
              <w:t xml:space="preserve">|$: </w:t>
            </w:r>
            <w:r>
              <w:rPr>
                <w:szCs w:val="22"/>
              </w:rPr>
              <w:t>Milestone 3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3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36F968E4"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5</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szCs w:val="22"/>
              </w:rPr>
              <w:t xml:space="preserve">Milestone 3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3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lastRenderedPageBreak/>
              <w:t>(</w:t>
            </w:r>
            <w:r>
              <w:t>{[#:</w:t>
            </w:r>
            <w:r w:rsidRPr="000E3481">
              <w:rPr>
                <w:highlight w:val="lightGray"/>
              </w:rPr>
              <w:t>17</w:t>
            </w:r>
            <w:r>
              <w:rPr>
                <w:highlight w:val="lightGray"/>
              </w:rPr>
              <w:t>99</w:t>
            </w:r>
            <w:r>
              <w:t>|CopyFromArgument:</w:t>
            </w:r>
            <w:r w:rsidRPr="001F4FB7">
              <w:rPr>
                <w:rFonts w:ascii="Calibri" w:eastAsia="Calibri" w:hAnsi="Calibri" w:cs="Calibri"/>
                <w:bCs/>
                <w:sz w:val="22"/>
                <w:szCs w:val="22"/>
              </w:rPr>
              <w:t xml:space="preserve"> </w:t>
            </w:r>
            <w:r>
              <w:rPr>
                <w:bCs/>
                <w:szCs w:val="22"/>
              </w:rPr>
              <w:t>SEK/Hour</w:t>
            </w:r>
            <w:r>
              <w:t xml:space="preserve">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4</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rsidRPr="004F1E15">
              <w:rPr>
                <w:rFonts w:ascii="Calibri" w:eastAsia="Calibri" w:hAnsi="Calibri" w:cs="Calibri"/>
                <w:sz w:val="22"/>
                <w:szCs w:val="22"/>
              </w:rPr>
              <w:t xml:space="preserve">$: </w:t>
            </w:r>
            <w:r>
              <w:rPr>
                <w:rFonts w:ascii="Calibri" w:eastAsia="Calibri" w:hAnsi="Calibri" w:cs="Calibri"/>
                <w:sz w:val="22"/>
                <w:szCs w:val="22"/>
              </w:rPr>
              <w:t xml:space="preserve">Milesstone 3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3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70</w:t>
            </w:r>
            <w:r>
              <w:rPr>
                <w:rFonts w:ascii="Calibri" w:eastAsia="Calibri" w:hAnsi="Calibri" w:cs="Calibri"/>
                <w:sz w:val="22"/>
                <w:szCs w:val="22"/>
                <w:highlight w:val="lightGray"/>
              </w:rPr>
              <w:t>6</w:t>
            </w:r>
            <w:r>
              <w:rPr>
                <w:rFonts w:ascii="Calibri" w:eastAsia="Calibri" w:hAnsi="Calibri" w:cs="Calibri"/>
                <w:sz w:val="22"/>
                <w:szCs w:val="22"/>
              </w:rPr>
              <w:t>|</w:t>
            </w:r>
            <w:r w:rsidRPr="002B1198">
              <w:rPr>
                <w:rFonts w:ascii="Calibri" w:eastAsia="Calibri" w:hAnsi="Calibri" w:cs="Calibri"/>
                <w:sz w:val="22"/>
                <w:szCs w:val="22"/>
              </w:rPr>
              <w:t>NoUserInput</w:t>
            </w:r>
            <w:r>
              <w:rPr>
                <w:rFonts w:ascii="Calibri" w:eastAsia="Calibri" w:hAnsi="Calibri" w:cs="Calibri"/>
                <w:sz w:val="22"/>
                <w:szCs w:val="22"/>
              </w:rPr>
              <w:t>|</w:t>
            </w:r>
            <w:r>
              <w:t xml:space="preserve">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3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Milestone 2</w:t>
            </w:r>
            <w:r>
              <w:rPr>
                <w:szCs w:val="22"/>
              </w:rPr>
              <w:t xml:space="preserve">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3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96A219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5545CF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4</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2080840C" w14:textId="77777777" w:rsidR="00695814" w:rsidRDefault="00695814" w:rsidP="00F76AF8">
            <w:pPr>
              <w:jc w:val="center"/>
              <w:rPr>
                <w:rFonts w:ascii="Calibri" w:eastAsia="Calibri" w:hAnsi="Calibri" w:cs="Calibri"/>
                <w:sz w:val="22"/>
                <w:szCs w:val="22"/>
              </w:rPr>
            </w:pPr>
            <w:r w:rsidRPr="00911827">
              <w:t>{[</w:t>
            </w:r>
            <w:r>
              <w:t>#:</w:t>
            </w:r>
            <w:r w:rsidRPr="000E3481">
              <w:rPr>
                <w:highlight w:val="lightGray"/>
              </w:rPr>
              <w:t>1800</w:t>
            </w:r>
            <w:r>
              <w:t xml:space="preserve">|$: </w:t>
            </w:r>
            <w:r>
              <w:rPr>
                <w:szCs w:val="22"/>
              </w:rPr>
              <w:t>Milestone 4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4StartDate]} </w:t>
            </w:r>
            <w:r>
              <w:rPr>
                <w:rFonts w:ascii="Calibri" w:hAnsi="Calibri" w:cs="Calibri"/>
                <w:color w:val="000000"/>
                <w:sz w:val="22"/>
                <w:szCs w:val="22"/>
                <w:highlight w:val="green"/>
              </w:rPr>
              <w:t>Month Services</w:t>
            </w:r>
            <w:r w:rsidRPr="004F1E15">
              <w:rPr>
                <w:rFonts w:ascii="Calibri" w:eastAsia="Calibri" w:hAnsi="Calibri" w:cs="Calibri"/>
                <w:sz w:val="22"/>
                <w:szCs w:val="22"/>
              </w:rPr>
              <w:t xml:space="preserve"> </w:t>
            </w:r>
          </w:p>
          <w:p w14:paraId="7D5678ED"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5</w:t>
            </w:r>
            <w:r>
              <w:rPr>
                <w:rFonts w:ascii="Calibri" w:eastAsia="Calibri" w:hAnsi="Calibri" w:cs="Calibri"/>
                <w:sz w:val="22"/>
                <w:szCs w:val="22"/>
              </w:rPr>
              <w:t>|NoUserInput|$: Milestone</w:t>
            </w:r>
            <w:r>
              <w:rPr>
                <w:szCs w:val="22"/>
              </w:rPr>
              <w:t xml:space="preserve"> 4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4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64</w:t>
            </w:r>
            <w:r w:rsidRPr="007B6C76">
              <w:rPr>
                <w:rFonts w:ascii="Calibri" w:hAnsi="Calibri" w:cs="Calibri"/>
                <w:color w:val="000000"/>
                <w:sz w:val="22"/>
                <w:szCs w:val="22"/>
                <w:highlight w:val="green"/>
              </w:rPr>
              <w:t>,</w:t>
            </w:r>
            <w:r>
              <w:rPr>
                <w:rFonts w:ascii="Calibri" w:hAnsi="Calibri" w:cs="Calibri"/>
                <w:color w:val="000000"/>
                <w:sz w:val="22"/>
                <w:szCs w:val="22"/>
                <w:highlight w:val="green"/>
              </w:rPr>
              <w:t>4</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8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4</w:t>
            </w:r>
            <w:r>
              <w:rPr>
                <w:rFonts w:ascii="Calibri" w:eastAsia="Calibri" w:hAnsi="Calibri" w:cs="Calibri"/>
                <w:sz w:val="22"/>
                <w:szCs w:val="22"/>
              </w:rPr>
              <w:t xml:space="preserve">|NoUserInput|$: Milesstone 4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w:t>
            </w:r>
            <w:r>
              <w:rPr>
                <w:rFonts w:ascii="Calibri" w:eastAsia="Calibri" w:hAnsi="Calibri" w:cs="Calibri"/>
                <w:sz w:val="22"/>
                <w:szCs w:val="22"/>
              </w:rPr>
              <w:lastRenderedPageBreak/>
              <w:t>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4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84</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806</w:t>
            </w:r>
            <w:r>
              <w:rPr>
                <w:rFonts w:ascii="Calibri" w:eastAsia="Calibri" w:hAnsi="Calibri" w:cs="Calibri"/>
                <w:sz w:val="22"/>
                <w:szCs w:val="22"/>
              </w:rPr>
              <w:t>|NoUserInput| 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4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3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4 </w:t>
            </w:r>
            <w:r>
              <w:rPr>
                <w:rFonts w:ascii="Calibri" w:eastAsia="Calibri" w:hAnsi="Calibri" w:cs="Calibri"/>
              </w:rPr>
              <w:t>Service Fee</w:t>
            </w:r>
            <w:r>
              <w:t>]</w:t>
            </w:r>
            <w:r w:rsidRPr="004F1E15">
              <w:rPr>
                <w:rFonts w:ascii="Calibri" w:eastAsia="Calibri" w:hAnsi="Calibri" w:cs="Calibri"/>
                <w:sz w:val="22"/>
                <w:szCs w:val="22"/>
              </w:rPr>
              <w:t>}</w:t>
            </w:r>
          </w:p>
        </w:tc>
      </w:tr>
      <w:tr w:rsidR="00695814" w14:paraId="24F609E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77989E9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5</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509BC63" w14:textId="77777777" w:rsidR="00695814" w:rsidRDefault="00695814" w:rsidP="00F76AF8">
            <w:pPr>
              <w:jc w:val="center"/>
              <w:rPr>
                <w:rFonts w:ascii="Calibri" w:eastAsia="Calibri" w:hAnsi="Calibri" w:cs="Calibri"/>
                <w:sz w:val="22"/>
                <w:szCs w:val="22"/>
              </w:rPr>
            </w:pPr>
            <w:r w:rsidRPr="000E3481">
              <w:rPr>
                <w:highlight w:val="lightGray"/>
              </w:rPr>
              <w:t xml:space="preserve">{[#:1900|$: </w:t>
            </w:r>
            <w:r w:rsidRPr="000E3481">
              <w:rPr>
                <w:szCs w:val="22"/>
                <w:highlight w:val="lightGray"/>
              </w:rPr>
              <w:t>Milestone 5 name</w:t>
            </w:r>
            <w:r w:rsidRPr="000E3481">
              <w:rPr>
                <w:highlight w:val="lightGray"/>
              </w:rPr>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5StartDate]} </w:t>
            </w:r>
            <w:r w:rsidRPr="000E3481">
              <w:rPr>
                <w:rFonts w:ascii="Calibri" w:hAnsi="Calibri" w:cs="Calibri"/>
                <w:color w:val="000000"/>
                <w:sz w:val="22"/>
                <w:szCs w:val="22"/>
                <w:highlight w:val="lightGray"/>
              </w:rPr>
              <w:t>Month Services</w:t>
            </w:r>
            <w:r w:rsidRPr="004F1E15">
              <w:rPr>
                <w:rFonts w:ascii="Calibri" w:eastAsia="Calibri" w:hAnsi="Calibri" w:cs="Calibri"/>
                <w:sz w:val="22"/>
                <w:szCs w:val="22"/>
              </w:rPr>
              <w:t xml:space="preserve"> </w:t>
            </w:r>
          </w:p>
          <w:p w14:paraId="518CE33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5</w:t>
            </w:r>
            <w:r>
              <w:rPr>
                <w:rFonts w:ascii="Calibri" w:eastAsia="Calibri" w:hAnsi="Calibri" w:cs="Calibri"/>
                <w:sz w:val="22"/>
                <w:szCs w:val="22"/>
              </w:rPr>
              <w:t>|NoUserInput|$: Milestone</w:t>
            </w:r>
            <w:r>
              <w:rPr>
                <w:szCs w:val="22"/>
              </w:rPr>
              <w:t xml:space="preserve"> 5 </w:t>
            </w:r>
            <w:r>
              <w:rPr>
                <w:rFonts w:ascii="Calibri" w:eastAsia="Calibri" w:hAnsi="Calibri" w:cs="Calibri"/>
              </w:rPr>
              <w:t xml:space="preserve">Service Fee </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5 </w:t>
            </w:r>
            <w:r>
              <w:rPr>
                <w:rFonts w:ascii="Calibri" w:eastAsia="Calibri" w:hAnsi="Calibri" w:cs="Calibri"/>
              </w:rPr>
              <w:t>Hours Worked</w:t>
            </w:r>
            <w:r w:rsidRPr="00E148C9">
              <w:t xml:space="preserve"> </w:t>
            </w:r>
            <w:r>
              <w:t>|COMMENT:</w:t>
            </w:r>
            <w:r>
              <w:rPr>
                <w:rFonts w:ascii="Calibri" w:hAnsi="Calibri" w:cs="Calibri"/>
                <w:color w:val="000000"/>
                <w:sz w:val="22"/>
                <w:szCs w:val="22"/>
                <w:highlight w:val="green"/>
              </w:rPr>
              <w:t>58</w:t>
            </w:r>
            <w:r w:rsidRPr="007B6C76">
              <w:rPr>
                <w:rFonts w:ascii="Calibri" w:hAnsi="Calibri" w:cs="Calibri"/>
                <w:color w:val="000000"/>
                <w:sz w:val="22"/>
                <w:szCs w:val="22"/>
                <w:highlight w:val="green"/>
              </w:rPr>
              <w:t>,</w:t>
            </w:r>
            <w:r>
              <w:rPr>
                <w:rFonts w:ascii="Calibri" w:hAnsi="Calibri" w:cs="Calibri"/>
                <w:color w:val="000000"/>
                <w:sz w:val="22"/>
                <w:szCs w:val="22"/>
                <w:highlight w:val="green"/>
              </w:rPr>
              <w:t>8</w:t>
            </w:r>
            <w:r w:rsidRPr="007B6C76">
              <w:rPr>
                <w:rFonts w:ascii="Calibri" w:hAnsi="Calibri" w:cs="Calibri"/>
                <w:color w:val="000000"/>
                <w:sz w:val="22"/>
                <w:szCs w:val="22"/>
                <w:highlight w:val="green"/>
              </w:rPr>
              <w:t>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0E3481">
              <w:rPr>
                <w:highlight w:val="lightGray"/>
              </w:rPr>
              <w:t>1999</w:t>
            </w:r>
            <w:r>
              <w:t>|CopyFromArgument: SEK/Hour |INVISIBLE</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4</w:t>
            </w:r>
            <w:r>
              <w:rPr>
                <w:rFonts w:ascii="Calibri" w:eastAsia="Calibri" w:hAnsi="Calibri" w:cs="Calibri"/>
                <w:sz w:val="22"/>
                <w:szCs w:val="22"/>
              </w:rPr>
              <w:t xml:space="preserve">|NoUserInput|$: Milesstone 5 </w:t>
            </w:r>
            <w:r>
              <w:rPr>
                <w:rFonts w:ascii="Calibri" w:eastAsia="Calibri" w:hAnsi="Calibri" w:cs="Calibri"/>
              </w:rPr>
              <w:t xml:space="preserve">Hours Worked </w:t>
            </w:r>
            <w:r w:rsidRPr="004F1E15">
              <w:rPr>
                <w:rFonts w:ascii="Calibri" w:eastAsia="Calibri" w:hAnsi="Calibri" w:cs="Calibri"/>
                <w:sz w:val="22"/>
                <w:szCs w:val="22"/>
              </w:rPr>
              <w:t>|</w:t>
            </w:r>
            <w:r>
              <w:rPr>
                <w:rFonts w:ascii="Calibri" w:eastAsia="Calibri" w:hAnsi="Calibri" w:cs="Calibri"/>
              </w:rPr>
              <w:t xml:space="preserve"> 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5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w:t>
            </w:r>
            <w:r>
              <w:rPr>
                <w:rFonts w:ascii="Calibri" w:hAnsi="Calibri" w:cs="Calibri"/>
                <w:color w:val="000000"/>
                <w:sz w:val="22"/>
                <w:szCs w:val="22"/>
                <w:highlight w:val="green"/>
              </w:rPr>
              <w:t>68</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w:t>
            </w:r>
            <w:r>
              <w:rPr>
                <w:rFonts w:ascii="Calibri" w:eastAsia="Calibri" w:hAnsi="Calibri" w:cs="Calibri"/>
                <w:sz w:val="22"/>
                <w:szCs w:val="22"/>
              </w:rPr>
              <w:t>#:</w:t>
            </w:r>
            <w:r w:rsidRPr="000E3481">
              <w:rPr>
                <w:rFonts w:ascii="Calibri" w:eastAsia="Calibri" w:hAnsi="Calibri" w:cs="Calibri"/>
                <w:sz w:val="22"/>
                <w:szCs w:val="22"/>
                <w:highlight w:val="lightGray"/>
              </w:rPr>
              <w:t>1906</w:t>
            </w:r>
            <w:r>
              <w:rPr>
                <w:rFonts w:ascii="Calibri" w:eastAsia="Calibri" w:hAnsi="Calibri" w:cs="Calibri"/>
                <w:sz w:val="22"/>
                <w:szCs w:val="22"/>
              </w:rPr>
              <w:t xml:space="preserve">|NoUserInput| </w:t>
            </w:r>
            <w:r>
              <w:rPr>
                <w:rFonts w:ascii="Calibri" w:eastAsia="Calibri" w:hAnsi="Calibri" w:cs="Calibri"/>
                <w:sz w:val="22"/>
                <w:szCs w:val="22"/>
              </w:rPr>
              <w:lastRenderedPageBreak/>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97EE8">
              <w:rPr>
                <w:szCs w:val="22"/>
              </w:rPr>
              <w:t xml:space="preserve">Milestone </w:t>
            </w:r>
            <w:r>
              <w:rPr>
                <w:szCs w:val="22"/>
              </w:rPr>
              <w:t>5 Fee Total</w:t>
            </w:r>
            <w:r w:rsidRPr="004F1E15">
              <w:rPr>
                <w:rFonts w:ascii="Calibri" w:eastAsia="Calibri" w:hAnsi="Calibri" w:cs="Calibri"/>
                <w:sz w:val="22"/>
                <w:szCs w:val="22"/>
              </w:rPr>
              <w:t xml:space="preserve"> |</w:t>
            </w:r>
            <w:r>
              <w:rPr>
                <w:rFonts w:ascii="Calibri" w:eastAsia="Calibri" w:hAnsi="Calibri" w:cs="Calibri"/>
              </w:rPr>
              <w:t xml:space="preserve"> </w:t>
            </w:r>
            <w:r>
              <w:rPr>
                <w:rFonts w:ascii="Calibri" w:hAnsi="Calibri" w:cs="Calibri"/>
              </w:rPr>
              <w:t>NUM| Addition</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Pr="00297EE8">
              <w:rPr>
                <w:szCs w:val="22"/>
              </w:rPr>
              <w:t xml:space="preserve">Milestone </w:t>
            </w:r>
            <w:r>
              <w:rPr>
                <w:szCs w:val="22"/>
              </w:rPr>
              <w:t>4 Fee Total</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szCs w:val="22"/>
              </w:rPr>
              <w:t xml:space="preserve">Milestone 5 </w:t>
            </w:r>
            <w:r>
              <w:rPr>
                <w:rFonts w:ascii="Calibri" w:eastAsia="Calibri" w:hAnsi="Calibri" w:cs="Calibri"/>
              </w:rPr>
              <w:t>Service Fee</w:t>
            </w:r>
            <w:r>
              <w:t>]</w:t>
            </w:r>
            <w:r w:rsidRPr="004F1E15">
              <w:rPr>
                <w:rFonts w:ascii="Calibri" w:eastAsia="Calibri" w:hAnsi="Calibri" w:cs="Calibri"/>
                <w:sz w:val="22"/>
                <w:szCs w:val="22"/>
              </w:rPr>
              <w:t>}</w:t>
            </w:r>
          </w:p>
        </w:tc>
      </w:tr>
      <w:tr w:rsidR="00695814" w14:paraId="769ECCB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0DE7AB7B"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6</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BAA541F" w14:textId="77777777" w:rsidR="00695814" w:rsidRDefault="00695814" w:rsidP="00F76AF8">
            <w:pPr>
              <w:jc w:val="center"/>
            </w:pPr>
            <w:r>
              <w:t xml:space="preserve">{[#:2000|$: Milestone 6 name| NoUserInput | DATE:MMMM| CopyFromArgument: Milestone06StartDate]} Month Services </w:t>
            </w:r>
          </w:p>
          <w:p w14:paraId="2069D2D9" w14:textId="77777777" w:rsidR="00695814" w:rsidRDefault="00695814" w:rsidP="00F76AF8">
            <w:pPr>
              <w:jc w:val="center"/>
            </w:pPr>
            <w:r>
              <w:t>{[#:2005|NoUserInput|$: Milestone 6 Service Fee | NUM|MULTIPLICATION | ThousandSeparated | MathValueFromArgument1: SEK/Hour | MathValueFromArgument2: Milesstone 6 Hours Worked |COMMENT:58,800]} SEK</w:t>
            </w:r>
          </w:p>
          <w:p w14:paraId="16CAA168" w14:textId="77777777" w:rsidR="00695814" w:rsidRPr="000E3481" w:rsidRDefault="00695814" w:rsidP="00F76AF8">
            <w:pPr>
              <w:jc w:val="center"/>
              <w:rPr>
                <w:highlight w:val="lightGray"/>
              </w:rPr>
            </w:pPr>
            <w:r>
              <w:t>({[#:2099|CopyFromArgument: SEK/Hour |INVISIBLE|COMMENT: 350]} SEK/hour, {[#:2004|NoUserInput|$: Milesstone 6 Hours Worked | MULTIPLICATION| MathValueFromArgument1: Workhours per Day | MathValueFromArgument2: Milestone06workdays |COMMENT:  168]} hours){[#:2006|NoUserInput| NoOutput |$: Milestone 6 Fee Total | NUM| Addition| ThousandSeparated | MathValueFromArgument1: Milestone 5 Fee Total | MathValueFromArgument2: Milestone 6 Service Fee]}</w:t>
            </w:r>
          </w:p>
        </w:tc>
      </w:tr>
      <w:tr w:rsidR="00695814" w14:paraId="1D2E31CE"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51FD887"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7</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1C2834A" w14:textId="77777777" w:rsidR="00695814" w:rsidRDefault="00695814" w:rsidP="00F76AF8">
            <w:pPr>
              <w:jc w:val="center"/>
            </w:pPr>
            <w:r>
              <w:t xml:space="preserve">{[#:2100|$: Milestone 7 name| NoUserInput | DATE:MMMM| CopyFromArgument: </w:t>
            </w:r>
            <w:r>
              <w:lastRenderedPageBreak/>
              <w:t xml:space="preserve">Milestone07StartDate]} Month Services </w:t>
            </w:r>
          </w:p>
          <w:p w14:paraId="4E339C54" w14:textId="77777777" w:rsidR="00695814" w:rsidRDefault="00695814" w:rsidP="00F76AF8">
            <w:pPr>
              <w:jc w:val="center"/>
            </w:pPr>
            <w:r>
              <w:t>{[#:2105|NoUserInput|$: Milestone 7 Service Fee | NUM|MULTIPLICATION | ThousandSeparated | MathValueFromArgument1: SEK/Hour | MathValueFromArgument2: Milesstone 7 Hours Worked |COMMENT:58,800]} SEK</w:t>
            </w:r>
          </w:p>
          <w:p w14:paraId="2D011277" w14:textId="77777777" w:rsidR="00695814" w:rsidRPr="000E3481" w:rsidRDefault="00695814" w:rsidP="00F76AF8">
            <w:pPr>
              <w:jc w:val="center"/>
              <w:rPr>
                <w:highlight w:val="lightGray"/>
              </w:rPr>
            </w:pPr>
            <w:r>
              <w:t>({[#:2199|CopyFromArgument: SEK/Hour |INVISIBLE|COMMENT: 350]} SEK/hour, {[#:2104|NoUserInput|$: Milesstone 7 Hours Worked | MULTIPLICATION| MathValueFromArgument1: Workhours per Day | MathValueFromArgument2: Milestone07workdays |COMMENT:  178]} hours){[#:2107|NoUserInput| NoOutput |$: Milestone 7 Fee Total | NUM| Addition| ThousandSeparated | MathValueFromArgument1: Milestone 6 Fee Total | MathValueFromArgument2: Milestone 7 Service Fee]}</w:t>
            </w:r>
          </w:p>
        </w:tc>
      </w:tr>
      <w:tr w:rsidR="00695814" w14:paraId="408CA8BF"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103965C2"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8</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501869E" w14:textId="77777777" w:rsidR="00695814" w:rsidRDefault="00695814" w:rsidP="00F76AF8">
            <w:pPr>
              <w:jc w:val="center"/>
            </w:pPr>
            <w:r>
              <w:t xml:space="preserve">{[#:2200|$: Milestone 8 name| NoUserInput | DATE:MMMM| CopyFromArgument: Milestone08StartDate]} Month Services </w:t>
            </w:r>
          </w:p>
          <w:p w14:paraId="26960549" w14:textId="77777777" w:rsidR="00695814" w:rsidRDefault="00695814" w:rsidP="00F76AF8">
            <w:pPr>
              <w:jc w:val="center"/>
            </w:pPr>
            <w:r>
              <w:t>{[#:2205|NoUserInput|$: Milestone 8 Service Fee | NUM|MULTIPLICATION | ThousandSeparated | MathValueFromArgument1: SEK/Hour | MathValueFromArgument2: Milesstone 8 Hours Worked |COMMENT:58,800]} SEK</w:t>
            </w:r>
          </w:p>
          <w:p w14:paraId="64558999" w14:textId="77777777" w:rsidR="00695814" w:rsidRPr="000E3481" w:rsidRDefault="00695814" w:rsidP="00F76AF8">
            <w:pPr>
              <w:jc w:val="center"/>
              <w:rPr>
                <w:highlight w:val="lightGray"/>
              </w:rPr>
            </w:pPr>
            <w:r>
              <w:lastRenderedPageBreak/>
              <w:t>({[#:2299|CopyFromArgument: SEK/Hour |INVISIBLE|COMMENT: 350]} SEK/hour, {[#:2204|NoUserInput|$: Milesstone 8 Hours Worked | MULTIPLICATION| MathValueFromArgument1: Workhours per Day | MathValueFromArgument2: Milestone08workdays |COMMENT:  188]} hours){[#:2208|NoUserInput| NoOutput |$: Milestone 8 Fee Total | NUM| Addition| ThousandSeparated | MathValueFromArgument1: Milestone 7 Fee Total | MathValueFromArgument2: Milestone 8 Service Fee]}</w:t>
            </w:r>
          </w:p>
        </w:tc>
      </w:tr>
      <w:tr w:rsidR="00695814" w14:paraId="09495963"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F326C0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9</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7C66E457" w14:textId="77777777" w:rsidR="00695814" w:rsidRDefault="00695814" w:rsidP="00F76AF8">
            <w:pPr>
              <w:jc w:val="center"/>
            </w:pPr>
            <w:r>
              <w:t xml:space="preserve">{[#:2300|$: Milestone 9 name| NoUserInput | DATE:MMMM| CopyFromArgument: Milestone09StartDate]} Month Services </w:t>
            </w:r>
          </w:p>
          <w:p w14:paraId="1252C66F" w14:textId="77777777" w:rsidR="00695814" w:rsidRDefault="00695814" w:rsidP="00F76AF8">
            <w:pPr>
              <w:jc w:val="center"/>
            </w:pPr>
            <w:r>
              <w:t>{[#:2305|NoUserInput|$: Milestone 9 Service Fee | NUM|MULTIPLICATION | ThousandSeparated | MathValueFromArgument1: SEK/Hour | MathValueFromArgument2: Milesstone 9 Hours Worked |COMMENT:59,900]} SEK</w:t>
            </w:r>
          </w:p>
          <w:p w14:paraId="0C93484D" w14:textId="77777777" w:rsidR="00695814" w:rsidRPr="000E3481" w:rsidRDefault="00695814" w:rsidP="00F76AF8">
            <w:pPr>
              <w:jc w:val="center"/>
              <w:rPr>
                <w:highlight w:val="lightGray"/>
              </w:rPr>
            </w:pPr>
            <w:r>
              <w:t xml:space="preserve">({[#:2399|CopyFromArgument: SEK/Hour |INVISIBLE|COMMENT: 350]} SEK/hour, {[#:2304|NoUserInput|$: Milesstone 9 Hours Worked | MULTIPLICATION| MathValueFromArgument1: Workhours per Day | MathValueFromArgument2: Milestone09workdays |COMMENT:  199]} </w:t>
            </w:r>
            <w:r>
              <w:lastRenderedPageBreak/>
              <w:t>hours){[#:2309|NoUserInput| NoOutput |$: Milestone 9 Fee Total | NUM| Addition| ThousandSeparated | MathValueFromArgument1: Milestone 8 Fee Total | MathValueFromArgument2: Milestone 9 Service Fee]}</w:t>
            </w:r>
          </w:p>
        </w:tc>
      </w:tr>
      <w:tr w:rsidR="00695814" w14:paraId="7BA94087"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5DF6F345"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0</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65DF82C5" w14:textId="77777777" w:rsidR="00695814" w:rsidRDefault="00695814" w:rsidP="00F76AF8">
            <w:pPr>
              <w:jc w:val="center"/>
            </w:pPr>
            <w:r>
              <w:t xml:space="preserve">{[#:2400|$: Milestone 10 name| NoUserInput | DATE:MMMM| CopyFromArgument: Milestone10StartDate]} Month Services </w:t>
            </w:r>
          </w:p>
          <w:p w14:paraId="4AA89E33" w14:textId="77777777" w:rsidR="00695814" w:rsidRDefault="00695814" w:rsidP="00F76AF8">
            <w:pPr>
              <w:jc w:val="center"/>
            </w:pPr>
            <w:r>
              <w:t>{[#:2405|NoUserInput|$: Milestone 10 Service Fee | NUM|MULTIPLICATION | ThousandSeparated | MathValueFromArgument1: SEK/Hour | MathValueFromArgument2: Milesstone 10 Hours Worked |COMMENT:59,900]} SEK</w:t>
            </w:r>
          </w:p>
          <w:p w14:paraId="41C9F42D" w14:textId="77777777" w:rsidR="00695814" w:rsidRPr="000E3481" w:rsidRDefault="00695814" w:rsidP="00F76AF8">
            <w:pPr>
              <w:jc w:val="center"/>
              <w:rPr>
                <w:highlight w:val="lightGray"/>
              </w:rPr>
            </w:pPr>
            <w:r>
              <w:t>({[#:2499|CopyFromArgument: SEK/Hour |INVISIBLE|COMMENT: 350]} SEK/hour, {[#:2404|NoUserInput|$: Milesstone 10 Hours Worked | MULTIPLICATION| MathValueFromArgument1: Workhours per Day | MathValueFromArgument2: Milestone10workdays |COMMENT:  199]} hours){[#:2409|NoUserInput| NoOutput |$: Milestone 10 Fee Total | NUM| Addition| ThousandSeparated | MathValueFromArgument1: Milestone 9 Fee Total | MathValueFromArgument2: Milestone 10 Service Fee]}</w:t>
            </w:r>
          </w:p>
        </w:tc>
      </w:tr>
      <w:tr w:rsidR="00695814" w14:paraId="21071605"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271D879C" w14:textId="77777777" w:rsidR="00695814" w:rsidRDefault="00695814" w:rsidP="00F76AF8">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t>1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32E83C39" w14:textId="77777777" w:rsidR="00695814" w:rsidRDefault="00695814" w:rsidP="00F76AF8">
            <w:pPr>
              <w:jc w:val="center"/>
            </w:pPr>
            <w:r>
              <w:t xml:space="preserve">{[#:2500|$: Milestone 11 name| NoUserInput | DATE:MMMM| CopyFromArgument: </w:t>
            </w:r>
            <w:r>
              <w:lastRenderedPageBreak/>
              <w:t xml:space="preserve">Milestone11StartDate]} Month Services </w:t>
            </w:r>
          </w:p>
          <w:p w14:paraId="125B144D" w14:textId="77777777" w:rsidR="00695814" w:rsidRDefault="00695814" w:rsidP="00F76AF8">
            <w:pPr>
              <w:jc w:val="center"/>
            </w:pPr>
            <w:r>
              <w:t>{[#:2505|NoUserInput|$: Milestone 11 Service Fee | NUM|MULTIPLICATION | ThousandSeparated | MathValueFromArgument1: SEK/Hour | MathValueFromArgument2: Milesstone 11 Hours Worked |COMMENT:59,900]} SEK</w:t>
            </w:r>
          </w:p>
          <w:p w14:paraId="4B268D49" w14:textId="77777777" w:rsidR="00695814" w:rsidRPr="000E3481" w:rsidRDefault="00695814" w:rsidP="00F76AF8">
            <w:pPr>
              <w:jc w:val="center"/>
              <w:rPr>
                <w:highlight w:val="lightGray"/>
              </w:rPr>
            </w:pPr>
            <w:r>
              <w:t>({[#:2599|CopyFromArgument: SEK/Hour |INVISIBLE|COMMENT: 350]} SEK/hour, {[#:2504|NoUserInput|$: Milesstone 11 Hours Worked | MULTIPLICATION| MathValueFromArgument1: Workhours per Day | MathValueFromArgument2: Milestone11workdays |COMMENT:  199]} hours){[#:2509|NoUserInput| NoOutput |$: Milestone 11 Fee Total | NUM| Addition| ThousandSeparated | MathValueFromArgument1: Milestone 10 Fee Total | MathValueFromArgument2: Milestone 11 Service Fee]}</w:t>
            </w:r>
          </w:p>
        </w:tc>
      </w:tr>
      <w:tr w:rsidR="00F37B7A" w14:paraId="28BB83AA"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4DCE01F0" w14:textId="4BF7736F" w:rsidR="00F37B7A" w:rsidRDefault="00F37B7A" w:rsidP="00F37B7A">
            <w:pPr>
              <w:widowControl w:val="0"/>
              <w:spacing w:line="276" w:lineRule="auto"/>
              <w:jc w:val="center"/>
              <w:rPr>
                <w:rFonts w:ascii="Calibri" w:eastAsia="Calibri" w:hAnsi="Calibri" w:cs="Calibri"/>
                <w:b/>
                <w:sz w:val="22"/>
                <w:szCs w:val="22"/>
              </w:rPr>
            </w:pPr>
            <w:r>
              <w:rPr>
                <w:rFonts w:ascii="Calibri" w:eastAsia="Calibri" w:hAnsi="Calibri" w:cs="Calibri"/>
                <w:b/>
                <w:sz w:val="22"/>
                <w:szCs w:val="22"/>
              </w:rPr>
              <w:lastRenderedPageBreak/>
              <w:t>12</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4B5282D9" w14:textId="135323D4" w:rsidR="00F37B7A" w:rsidRDefault="00F37B7A" w:rsidP="00F37B7A">
            <w:pPr>
              <w:jc w:val="center"/>
            </w:pPr>
            <w:r>
              <w:t>{[#:2</w:t>
            </w:r>
            <w:r>
              <w:t>6</w:t>
            </w:r>
            <w:r>
              <w:t>00|$: Milestone 1</w:t>
            </w:r>
            <w:r>
              <w:t>2</w:t>
            </w:r>
            <w:r>
              <w:t xml:space="preserve"> name| NoUserInput | DATE:MMMM| CopyFromArgument: Milestone1</w:t>
            </w:r>
            <w:r>
              <w:t>2</w:t>
            </w:r>
            <w:r>
              <w:t xml:space="preserve">StartDate]} Month Services </w:t>
            </w:r>
          </w:p>
          <w:p w14:paraId="3772A7F5" w14:textId="61700D39" w:rsidR="00F37B7A" w:rsidRDefault="00F37B7A" w:rsidP="00F37B7A">
            <w:pPr>
              <w:jc w:val="center"/>
            </w:pPr>
            <w:r>
              <w:t>{[#:2</w:t>
            </w:r>
            <w:r>
              <w:t>6</w:t>
            </w:r>
            <w:r>
              <w:t>05|NoUserInput|$: Milestone 1</w:t>
            </w:r>
            <w:r>
              <w:t>2</w:t>
            </w:r>
            <w:r>
              <w:t xml:space="preserve"> Service Fee | NUM|MULTIPLICATION | ThousandSeparated | MathValueFromArgument1: SEK/Hour | MathValueFromArgument2: Milesstone 1</w:t>
            </w:r>
            <w:r>
              <w:t>2</w:t>
            </w:r>
            <w:r>
              <w:t xml:space="preserve"> Hours Worked |COMMENT:59,900]} SEK</w:t>
            </w:r>
          </w:p>
          <w:p w14:paraId="732D379D" w14:textId="0C7DA5D8" w:rsidR="00F37B7A" w:rsidRDefault="00F37B7A" w:rsidP="00F37B7A">
            <w:pPr>
              <w:jc w:val="center"/>
            </w:pPr>
            <w:r>
              <w:lastRenderedPageBreak/>
              <w:t>({[#:2</w:t>
            </w:r>
            <w:r>
              <w:t>6</w:t>
            </w:r>
            <w:r>
              <w:t>99|CopyFromArgument: SEK/Hour |INVISIBLE|COMMENT: 350]} SEK/hour, {[#:2</w:t>
            </w:r>
            <w:r>
              <w:t>6</w:t>
            </w:r>
            <w:r>
              <w:t>04|NoUserInput|$: Milesstone 1</w:t>
            </w:r>
            <w:r>
              <w:t>2</w:t>
            </w:r>
            <w:r>
              <w:t xml:space="preserve"> Hours Worked | MULTIPLICATION| MathValueFromArgument1: Workhours per Day | MathValueFromArgument2: Milestone1</w:t>
            </w:r>
            <w:r>
              <w:t>2</w:t>
            </w:r>
            <w:r>
              <w:t>workdays |COMMENT:  199]} hours){[#:2</w:t>
            </w:r>
            <w:r>
              <w:t>6</w:t>
            </w:r>
            <w:r>
              <w:t>09|NoUserInput| NoOutput |$: Milestone 1</w:t>
            </w:r>
            <w:r>
              <w:t>2</w:t>
            </w:r>
            <w:r>
              <w:t xml:space="preserve"> Fee Total | NUM| Addition| ThousandSeparated | MathValueFromArgument1: Milestone 1</w:t>
            </w:r>
            <w:r>
              <w:t>1</w:t>
            </w:r>
            <w:r>
              <w:t xml:space="preserve"> Fee Total | MathValueFromArgument2: Milestone 1</w:t>
            </w:r>
            <w:r>
              <w:t>2</w:t>
            </w:r>
            <w:r>
              <w:t xml:space="preserve"> Service Fee]}</w:t>
            </w:r>
          </w:p>
        </w:tc>
      </w:tr>
      <w:tr w:rsidR="00F37B7A"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F37B7A" w:rsidRDefault="00F37B7A" w:rsidP="00F37B7A">
            <w:pPr>
              <w:widowControl w:val="0"/>
              <w:spacing w:line="276" w:lineRule="auto"/>
              <w:jc w:val="center"/>
              <w:rPr>
                <w:rFonts w:ascii="Arial" w:eastAsia="Arial" w:hAnsi="Arial" w:cs="Arial"/>
                <w:sz w:val="20"/>
                <w:szCs w:val="20"/>
              </w:rPr>
            </w:pPr>
            <w:r>
              <w:rPr>
                <w:rFonts w:ascii="Calibri" w:eastAsia="Calibri" w:hAnsi="Calibri" w:cs="Calibri"/>
                <w:b/>
                <w:sz w:val="22"/>
                <w:szCs w:val="22"/>
              </w:rPr>
              <w:lastRenderedPageBreak/>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77777777" w:rsidR="00F37B7A" w:rsidRDefault="00F37B7A" w:rsidP="00F37B7A">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Pr="000332FD">
              <w:rPr>
                <w:szCs w:val="22"/>
                <w:highlight w:val="darkCyan"/>
              </w:rPr>
              <w:t xml:space="preserve">Milestone </w:t>
            </w:r>
            <w:r>
              <w:rPr>
                <w:szCs w:val="22"/>
                <w:highlight w:val="red"/>
              </w:rPr>
              <w:t>12</w:t>
            </w:r>
            <w:r w:rsidRPr="000332FD">
              <w:rPr>
                <w:szCs w:val="22"/>
                <w:highlight w:val="darkCyan"/>
              </w:rPr>
              <w:t xml:space="preserve"> Fee Total</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t xml:space="preserve"> COMMEN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Pr>
                <w:highlight w:val="red"/>
              </w:rPr>
              <w:t>12</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lastRenderedPageBreak/>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452C4F"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83930F5" w14:textId="77777777" w:rsidR="00452C4F" w:rsidRDefault="00452C4F">
      <w:r>
        <w:separator/>
      </w:r>
    </w:p>
  </w:endnote>
  <w:endnote w:type="continuationSeparator" w:id="0">
    <w:p w14:paraId="057209CF" w14:textId="77777777" w:rsidR="00452C4F" w:rsidRDefault="00452C4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743AC5">
    <w:pPr>
      <w:pStyle w:val="Footer"/>
    </w:pPr>
    <w:fldSimple w:instr=" DOCPROPERTY DOCXDOCID DMS=NetDocuments Format=&lt;&lt;ID&gt;&gt;v.&lt;&lt;VER&gt;&gt; &lt;&lt;Client&gt;&gt;-&lt;&lt;Matter&gt;&gt; PRESERVELOCATION \* MERGEFORMAT ">
      <w:r w:rsidR="00695814">
        <w:t>4827-6207-9419v.1 0025936-003067</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01232914" w14:textId="77777777" w:rsidR="00452C4F" w:rsidRDefault="00452C4F">
      <w:r>
        <w:separator/>
      </w:r>
    </w:p>
  </w:footnote>
  <w:footnote w:type="continuationSeparator" w:id="0">
    <w:p w14:paraId="354BA425" w14:textId="77777777" w:rsidR="00452C4F" w:rsidRDefault="00452C4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452C4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452C4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2C7E06"/>
    <w:rsid w:val="00452C4F"/>
    <w:rsid w:val="004D6E0F"/>
    <w:rsid w:val="00695814"/>
    <w:rsid w:val="00743AC5"/>
    <w:rsid w:val="00996121"/>
    <w:rsid w:val="00BF294E"/>
    <w:rsid w:val="00BF480B"/>
    <w:rsid w:val="00DA48C6"/>
    <w:rsid w:val="00F1092A"/>
    <w:rsid w:val="00F37B7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22</TotalTime>
  <Pages>22</Pages>
  <Words>3206</Words>
  <Characters>16996</Characters>
  <Application>Microsoft Office Word</Application>
  <DocSecurity>0</DocSecurity>
  <Lines>141</Lines>
  <Paragraphs>40</Paragraphs>
  <ScaleCrop>false</ScaleCrop>
  <Company/>
  <LinksUpToDate>false</LinksUpToDate>
  <CharactersWithSpaces>2016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6</cp:revision>
  <dcterms:created xsi:type="dcterms:W3CDTF">2020-12-23T21:10:00Z</dcterms:created>
  <dcterms:modified xsi:type="dcterms:W3CDTF">2021-02-12T17:43:00Z</dcterms:modified>
</cp:coreProperties>
</file>